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5" uniqueCount="750">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松江腎クリニック</t>
    <phoneticPr fontId="3"/>
  </si>
  <si>
    <t>〒690-0884 島根県松江市南田町１１０</t>
    <phoneticPr fontId="3"/>
  </si>
  <si>
    <t>〇</t>
  </si>
  <si>
    <t>内科</t>
  </si>
  <si>
    <t>*</t>
  </si>
  <si>
    <t>*</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3251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t="s">
        <v>746</v>
      </c>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t="s">
        <v>746</v>
      </c>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9</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3</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9</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9</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9</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v>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v>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t="s">
        <v>749</v>
      </c>
      <c r="K150" s="106" t="str">
        <f t="shared" si="1"/>
        <v>※</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2</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12</v>
      </c>
      <c r="K171" s="118" t="str">
        <f t="shared" ref="K171:K186" si="2">IF(OR(COUNTIF(L171:O171,"未確認")&gt;0,COUNTIF(L171:O171,"*")&gt;0),"※","")</f>
        <v/>
      </c>
      <c r="L171" s="212">
        <v>3</v>
      </c>
      <c r="M171" s="212"/>
      <c r="N171" s="212"/>
      <c r="O171" s="212">
        <v>9</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v>0</v>
      </c>
      <c r="M172" s="213"/>
      <c r="N172" s="213"/>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5</v>
      </c>
      <c r="K173" s="118" t="str">
        <f t="shared" si="2"/>
        <v/>
      </c>
      <c r="L173" s="212">
        <v>2</v>
      </c>
      <c r="M173" s="212"/>
      <c r="N173" s="212"/>
      <c r="O173" s="212">
        <v>3</v>
      </c>
      <c r="P173" s="22"/>
      <c r="Q173" s="22"/>
      <c r="R173" s="22"/>
    </row>
    <row r="174" spans="1:18" s="81" customFormat="1" ht="34.5" customHeight="1" x14ac:dyDescent="0.15">
      <c r="A174" s="197" t="s">
        <v>481</v>
      </c>
      <c r="B174" s="116"/>
      <c r="C174" s="278"/>
      <c r="D174" s="278"/>
      <c r="E174" s="278"/>
      <c r="F174" s="278"/>
      <c r="G174" s="276" t="s">
        <v>75</v>
      </c>
      <c r="H174" s="278"/>
      <c r="I174" s="347"/>
      <c r="J174" s="211">
        <v>0.6</v>
      </c>
      <c r="K174" s="118" t="str">
        <f t="shared" si="2"/>
        <v/>
      </c>
      <c r="L174" s="213">
        <v>0</v>
      </c>
      <c r="M174" s="213"/>
      <c r="N174" s="213"/>
      <c r="O174" s="213">
        <v>0.6</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4</v>
      </c>
      <c r="K175" s="118" t="str">
        <f t="shared" si="2"/>
        <v/>
      </c>
      <c r="L175" s="212">
        <v>0</v>
      </c>
      <c r="M175" s="212"/>
      <c r="N175" s="212"/>
      <c r="O175" s="212">
        <v>4</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c r="N177" s="212"/>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7</v>
      </c>
      <c r="K191" s="118" t="str">
        <f>IF(OR(COUNTIF(L191:O191,"未確認")&gt;0,COUNTIF(L191:O191,"*")&gt;0),"※","")</f>
        <v/>
      </c>
      <c r="L191" s="212">
        <v>0</v>
      </c>
      <c r="M191" s="212"/>
      <c r="N191" s="212"/>
      <c r="O191" s="212">
        <v>7</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2</v>
      </c>
      <c r="K193" s="118" t="str">
        <f>IF(OR(COUNTIF(L193:O193,"未確認")&gt;0,COUNTIF(L193:O193,"*")&gt;0),"※","")</f>
        <v/>
      </c>
      <c r="L193" s="212"/>
      <c r="M193" s="212"/>
      <c r="N193" s="212">
        <v>2</v>
      </c>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v>0</v>
      </c>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v>0</v>
      </c>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v>0</v>
      </c>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v>0</v>
      </c>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v>0</v>
      </c>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v>0</v>
      </c>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v>0</v>
      </c>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v>0</v>
      </c>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746</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14</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180</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16</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14</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10</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4</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0</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16</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12</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3</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1</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16</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0</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16</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v>0</v>
      </c>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t="s">
        <v>749</v>
      </c>
      <c r="K365" s="118" t="str">
        <f t="shared" ref="K365:K393" si="5">IF(OR(COUNTIF(J365,"未確認")&gt;0,COUNTIF(J365,"*")&gt;0),"※","")</f>
        <v>※</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v>0</v>
      </c>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v>0</v>
      </c>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v>0</v>
      </c>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v>0</v>
      </c>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v>0</v>
      </c>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v>0</v>
      </c>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v>0</v>
      </c>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t="s">
        <v>749</v>
      </c>
      <c r="K373" s="118" t="str">
        <f t="shared" si="5"/>
        <v>※</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v>0</v>
      </c>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v>0</v>
      </c>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v>0</v>
      </c>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v>0</v>
      </c>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t="s">
        <v>748</v>
      </c>
      <c r="K472" s="118" t="str">
        <f t="shared" si="9"/>
        <v>※</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13</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t="s">
        <v>749</v>
      </c>
      <c r="K514" s="118" t="str">
        <f t="shared" si="11"/>
        <v>※</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39:29Z</dcterms:modified>
</cp:coreProperties>
</file>